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収納率（現年）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（現年）'!$A$1:$N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3" uniqueCount="63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現年分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0" eb="11">
      <t>ブン</t>
    </rPh>
    <phoneticPr fontId="4"/>
  </si>
  <si>
    <t>保険者名</t>
  </si>
  <si>
    <t>23年度</t>
    <phoneticPr fontId="4"/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収納率</t>
  </si>
  <si>
    <t>順</t>
  </si>
  <si>
    <t>収納率</t>
    <phoneticPr fontId="4"/>
  </si>
  <si>
    <t>（％）</t>
  </si>
  <si>
    <t>位</t>
  </si>
  <si>
    <t>（％）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4"/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 平 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0_);[Red]\(0.00\)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0" fontId="1" fillId="0" borderId="0"/>
  </cellStyleXfs>
  <cellXfs count="133">
    <xf numFmtId="0" fontId="0" fillId="0" borderId="0" xfId="0"/>
    <xf numFmtId="38" fontId="2" fillId="0" borderId="0" xfId="1" applyFont="1"/>
    <xf numFmtId="0" fontId="5" fillId="0" borderId="0" xfId="0" applyFont="1"/>
    <xf numFmtId="0" fontId="5" fillId="0" borderId="0" xfId="0" applyFont="1" applyAlignment="1">
      <alignment horizontal="center"/>
    </xf>
    <xf numFmtId="0" fontId="2" fillId="0" borderId="0" xfId="3" applyFont="1"/>
    <xf numFmtId="38" fontId="6" fillId="0" borderId="0" xfId="1" applyFont="1"/>
    <xf numFmtId="0" fontId="5" fillId="0" borderId="0" xfId="0" applyFont="1" applyAlignment="1">
      <alignment horizontal="center" vertical="center"/>
    </xf>
    <xf numFmtId="0" fontId="5" fillId="0" borderId="11" xfId="0" applyFont="1" applyBorder="1" applyAlignment="1">
      <alignment horizontal="center"/>
    </xf>
    <xf numFmtId="0" fontId="5" fillId="0" borderId="12" xfId="0" applyFont="1" applyBorder="1" applyAlignment="1">
      <alignment horizontal="center"/>
    </xf>
    <xf numFmtId="0" fontId="5" fillId="0" borderId="0" xfId="0" applyFont="1" applyBorder="1" applyAlignment="1">
      <alignment horizontal="center"/>
    </xf>
    <xf numFmtId="0" fontId="5" fillId="0" borderId="13" xfId="0" applyFont="1" applyBorder="1" applyAlignment="1">
      <alignment horizontal="center"/>
    </xf>
    <xf numFmtId="0" fontId="5" fillId="0" borderId="14" xfId="0" applyFont="1" applyBorder="1" applyAlignment="1">
      <alignment horizontal="center"/>
    </xf>
    <xf numFmtId="0" fontId="5" fillId="0" borderId="15" xfId="0" applyFont="1" applyBorder="1" applyAlignment="1">
      <alignment horizontal="center"/>
    </xf>
    <xf numFmtId="0" fontId="5" fillId="0" borderId="16" xfId="0" applyFont="1" applyBorder="1" applyAlignment="1">
      <alignment horizontal="center"/>
    </xf>
    <xf numFmtId="0" fontId="5" fillId="0" borderId="17" xfId="0" applyFont="1" applyBorder="1" applyAlignment="1">
      <alignment horizontal="center"/>
    </xf>
    <xf numFmtId="0" fontId="5" fillId="0" borderId="18" xfId="0" applyFont="1" applyBorder="1" applyAlignment="1">
      <alignment horizontal="center"/>
    </xf>
    <xf numFmtId="0" fontId="5" fillId="0" borderId="21" xfId="0" applyFont="1" applyBorder="1" applyAlignment="1">
      <alignment horizontal="center"/>
    </xf>
    <xf numFmtId="0" fontId="5" fillId="0" borderId="22" xfId="0" applyFont="1" applyBorder="1" applyAlignment="1">
      <alignment horizontal="center"/>
    </xf>
    <xf numFmtId="0" fontId="5" fillId="0" borderId="23" xfId="0" applyFont="1" applyBorder="1" applyAlignment="1">
      <alignment horizontal="center"/>
    </xf>
    <xf numFmtId="0" fontId="5" fillId="0" borderId="24" xfId="0" applyFont="1" applyBorder="1" applyAlignment="1">
      <alignment horizontal="center"/>
    </xf>
    <xf numFmtId="0" fontId="5" fillId="0" borderId="25" xfId="0" applyFont="1" applyBorder="1" applyAlignment="1">
      <alignment horizontal="center"/>
    </xf>
    <xf numFmtId="0" fontId="5" fillId="0" borderId="26" xfId="0" applyFont="1" applyBorder="1" applyAlignment="1">
      <alignment horizontal="center"/>
    </xf>
    <xf numFmtId="0" fontId="5" fillId="0" borderId="9" xfId="0" applyFont="1" applyBorder="1"/>
    <xf numFmtId="0" fontId="7" fillId="0" borderId="27" xfId="0" applyFont="1" applyBorder="1"/>
    <xf numFmtId="0" fontId="8" fillId="0" borderId="28" xfId="0" applyNumberFormat="1" applyFont="1" applyBorder="1" applyAlignment="1"/>
    <xf numFmtId="2" fontId="8" fillId="0" borderId="31" xfId="0" applyNumberFormat="1" applyFont="1" applyBorder="1" applyAlignment="1"/>
    <xf numFmtId="176" fontId="8" fillId="0" borderId="30" xfId="0" applyNumberFormat="1" applyFont="1" applyBorder="1" applyAlignment="1"/>
    <xf numFmtId="0" fontId="8" fillId="0" borderId="28" xfId="0" applyFont="1" applyBorder="1" applyAlignment="1"/>
    <xf numFmtId="2" fontId="8" fillId="0" borderId="31" xfId="4" applyNumberFormat="1" applyFont="1" applyBorder="1"/>
    <xf numFmtId="0" fontId="8" fillId="0" borderId="29" xfId="5" applyNumberFormat="1" applyFont="1" applyBorder="1" applyAlignment="1"/>
    <xf numFmtId="0" fontId="8" fillId="0" borderId="31" xfId="5" applyNumberFormat="1" applyFont="1" applyBorder="1" applyAlignment="1"/>
    <xf numFmtId="0" fontId="8" fillId="0" borderId="30" xfId="5" applyNumberFormat="1" applyFont="1" applyBorder="1" applyAlignment="1"/>
    <xf numFmtId="2" fontId="8" fillId="0" borderId="31" xfId="2" applyNumberFormat="1" applyFont="1" applyBorder="1"/>
    <xf numFmtId="0" fontId="8" fillId="0" borderId="32" xfId="0" applyNumberFormat="1" applyFont="1" applyBorder="1" applyAlignment="1"/>
    <xf numFmtId="2" fontId="8" fillId="0" borderId="31" xfId="5" applyNumberFormat="1" applyFont="1" applyBorder="1" applyAlignment="1"/>
    <xf numFmtId="0" fontId="5" fillId="0" borderId="33" xfId="0" applyFont="1" applyBorder="1"/>
    <xf numFmtId="0" fontId="7" fillId="0" borderId="34" xfId="0" applyFont="1" applyBorder="1"/>
    <xf numFmtId="0" fontId="8" fillId="0" borderId="35" xfId="0" applyNumberFormat="1" applyFont="1" applyBorder="1" applyAlignment="1"/>
    <xf numFmtId="2" fontId="8" fillId="0" borderId="38" xfId="0" applyNumberFormat="1" applyFont="1" applyBorder="1" applyAlignment="1"/>
    <xf numFmtId="176" fontId="8" fillId="0" borderId="37" xfId="0" applyNumberFormat="1" applyFont="1" applyBorder="1" applyAlignment="1"/>
    <xf numFmtId="0" fontId="8" fillId="0" borderId="35" xfId="0" applyFont="1" applyBorder="1" applyAlignment="1"/>
    <xf numFmtId="2" fontId="8" fillId="0" borderId="38" xfId="4" applyNumberFormat="1" applyFont="1" applyBorder="1"/>
    <xf numFmtId="0" fontId="8" fillId="0" borderId="36" xfId="5" applyNumberFormat="1" applyFont="1" applyBorder="1" applyAlignment="1"/>
    <xf numFmtId="2" fontId="8" fillId="0" borderId="38" xfId="5" applyNumberFormat="1" applyFont="1" applyBorder="1" applyAlignment="1"/>
    <xf numFmtId="0" fontId="8" fillId="0" borderId="37" xfId="5" applyNumberFormat="1" applyFont="1" applyBorder="1" applyAlignment="1"/>
    <xf numFmtId="2" fontId="8" fillId="0" borderId="38" xfId="2" applyNumberFormat="1" applyFont="1" applyBorder="1"/>
    <xf numFmtId="0" fontId="8" fillId="0" borderId="39" xfId="0" applyNumberFormat="1" applyFont="1" applyBorder="1" applyAlignment="1"/>
    <xf numFmtId="2" fontId="8" fillId="0" borderId="31" xfId="5" applyNumberFormat="1" applyFont="1" applyBorder="1" applyAlignment="1">
      <alignment horizontal="right"/>
    </xf>
    <xf numFmtId="0" fontId="5" fillId="0" borderId="40" xfId="0" applyFont="1" applyBorder="1"/>
    <xf numFmtId="0" fontId="7" fillId="0" borderId="41" xfId="0" applyFont="1" applyBorder="1"/>
    <xf numFmtId="0" fontId="8" fillId="0" borderId="12" xfId="0" applyNumberFormat="1" applyFont="1" applyBorder="1" applyAlignment="1"/>
    <xf numFmtId="2" fontId="8" fillId="0" borderId="14" xfId="0" applyNumberFormat="1" applyFont="1" applyBorder="1" applyAlignment="1"/>
    <xf numFmtId="176" fontId="8" fillId="0" borderId="15" xfId="0" applyNumberFormat="1" applyFont="1" applyBorder="1" applyAlignment="1"/>
    <xf numFmtId="0" fontId="8" fillId="0" borderId="12" xfId="0" applyFont="1" applyBorder="1" applyAlignment="1"/>
    <xf numFmtId="2" fontId="8" fillId="0" borderId="14" xfId="4" applyNumberFormat="1" applyFont="1" applyBorder="1"/>
    <xf numFmtId="0" fontId="8" fillId="0" borderId="13" xfId="5" applyNumberFormat="1" applyFont="1" applyBorder="1" applyAlignment="1"/>
    <xf numFmtId="0" fontId="8" fillId="0" borderId="14" xfId="5" applyNumberFormat="1" applyFont="1" applyBorder="1" applyAlignment="1"/>
    <xf numFmtId="0" fontId="8" fillId="0" borderId="15" xfId="5" applyNumberFormat="1" applyFont="1" applyBorder="1" applyAlignment="1"/>
    <xf numFmtId="2" fontId="8" fillId="0" borderId="14" xfId="2" applyNumberFormat="1" applyFont="1" applyBorder="1"/>
    <xf numFmtId="0" fontId="8" fillId="0" borderId="18" xfId="0" applyNumberFormat="1" applyFont="1" applyBorder="1" applyAlignment="1"/>
    <xf numFmtId="0" fontId="5" fillId="0" borderId="42" xfId="0" applyFont="1" applyBorder="1"/>
    <xf numFmtId="0" fontId="8" fillId="0" borderId="38" xfId="5" applyNumberFormat="1" applyFont="1" applyBorder="1" applyAlignment="1"/>
    <xf numFmtId="0" fontId="7" fillId="0" borderId="43" xfId="0" applyFont="1" applyBorder="1"/>
    <xf numFmtId="40" fontId="8" fillId="0" borderId="21" xfId="1" applyNumberFormat="1" applyFont="1" applyBorder="1" applyAlignment="1">
      <alignment horizontal="center"/>
    </xf>
    <xf numFmtId="2" fontId="8" fillId="0" borderId="24" xfId="1" applyNumberFormat="1" applyFont="1" applyBorder="1" applyAlignment="1">
      <alignment horizontal="center"/>
    </xf>
    <xf numFmtId="176" fontId="8" fillId="0" borderId="25" xfId="1" applyNumberFormat="1" applyFont="1" applyBorder="1" applyAlignment="1">
      <alignment horizontal="center"/>
    </xf>
    <xf numFmtId="0" fontId="8" fillId="0" borderId="21" xfId="1" applyNumberFormat="1" applyFont="1" applyBorder="1" applyAlignment="1">
      <alignment horizontal="center"/>
    </xf>
    <xf numFmtId="0" fontId="8" fillId="0" borderId="25" xfId="1" applyNumberFormat="1" applyFont="1" applyBorder="1" applyAlignment="1">
      <alignment horizontal="center"/>
    </xf>
    <xf numFmtId="0" fontId="8" fillId="0" borderId="24" xfId="1" applyNumberFormat="1" applyFont="1" applyBorder="1" applyAlignment="1">
      <alignment horizontal="center"/>
    </xf>
    <xf numFmtId="38" fontId="8" fillId="0" borderId="24" xfId="1" applyFont="1" applyBorder="1" applyAlignment="1">
      <alignment horizontal="center"/>
    </xf>
    <xf numFmtId="40" fontId="8" fillId="0" borderId="26" xfId="1" applyNumberFormat="1" applyFont="1" applyBorder="1" applyAlignment="1">
      <alignment horizontal="center"/>
    </xf>
    <xf numFmtId="40" fontId="8" fillId="0" borderId="28" xfId="1" applyNumberFormat="1" applyFont="1" applyBorder="1" applyAlignment="1">
      <alignment horizontal="center"/>
    </xf>
    <xf numFmtId="2" fontId="8" fillId="0" borderId="31" xfId="1" applyNumberFormat="1" applyFont="1" applyBorder="1" applyAlignment="1">
      <alignment horizontal="center"/>
    </xf>
    <xf numFmtId="176" fontId="8" fillId="0" borderId="30" xfId="1" applyNumberFormat="1" applyFont="1" applyBorder="1" applyAlignment="1">
      <alignment horizontal="center"/>
    </xf>
    <xf numFmtId="0" fontId="8" fillId="0" borderId="28" xfId="1" applyNumberFormat="1" applyFont="1" applyBorder="1" applyAlignment="1">
      <alignment horizontal="center"/>
    </xf>
    <xf numFmtId="0" fontId="8" fillId="0" borderId="30" xfId="1" applyNumberFormat="1" applyFont="1" applyBorder="1" applyAlignment="1">
      <alignment horizontal="center"/>
    </xf>
    <xf numFmtId="0" fontId="8" fillId="0" borderId="31" xfId="1" applyNumberFormat="1" applyFont="1" applyBorder="1" applyAlignment="1">
      <alignment horizontal="center"/>
    </xf>
    <xf numFmtId="38" fontId="8" fillId="0" borderId="31" xfId="1" applyFont="1" applyBorder="1" applyAlignment="1">
      <alignment horizontal="center"/>
    </xf>
    <xf numFmtId="40" fontId="8" fillId="0" borderId="32" xfId="1" applyNumberFormat="1" applyFont="1" applyBorder="1" applyAlignment="1">
      <alignment horizontal="center"/>
    </xf>
    <xf numFmtId="40" fontId="8" fillId="0" borderId="35" xfId="1" applyNumberFormat="1" applyFont="1" applyBorder="1" applyAlignment="1">
      <alignment horizontal="center"/>
    </xf>
    <xf numFmtId="2" fontId="8" fillId="0" borderId="38" xfId="1" applyNumberFormat="1" applyFont="1" applyBorder="1" applyAlignment="1">
      <alignment horizontal="center"/>
    </xf>
    <xf numFmtId="176" fontId="8" fillId="0" borderId="37" xfId="1" applyNumberFormat="1" applyFont="1" applyBorder="1" applyAlignment="1">
      <alignment horizontal="center"/>
    </xf>
    <xf numFmtId="0" fontId="8" fillId="0" borderId="35" xfId="1" applyNumberFormat="1" applyFont="1" applyBorder="1" applyAlignment="1">
      <alignment horizontal="center"/>
    </xf>
    <xf numFmtId="0" fontId="8" fillId="0" borderId="37" xfId="1" applyNumberFormat="1" applyFont="1" applyBorder="1" applyAlignment="1">
      <alignment horizontal="center"/>
    </xf>
    <xf numFmtId="0" fontId="8" fillId="0" borderId="38" xfId="1" applyNumberFormat="1" applyFont="1" applyBorder="1" applyAlignment="1">
      <alignment horizontal="center"/>
    </xf>
    <xf numFmtId="38" fontId="8" fillId="0" borderId="38" xfId="1" applyFont="1" applyBorder="1" applyAlignment="1">
      <alignment horizontal="center"/>
    </xf>
    <xf numFmtId="40" fontId="8" fillId="0" borderId="39" xfId="1" applyNumberFormat="1" applyFont="1" applyBorder="1" applyAlignment="1">
      <alignment horizontal="center"/>
    </xf>
    <xf numFmtId="0" fontId="8" fillId="0" borderId="21" xfId="0" applyNumberFormat="1" applyFont="1" applyBorder="1" applyAlignment="1"/>
    <xf numFmtId="2" fontId="8" fillId="0" borderId="24" xfId="0" applyNumberFormat="1" applyFont="1" applyBorder="1" applyAlignment="1"/>
    <xf numFmtId="176" fontId="8" fillId="0" borderId="25" xfId="0" applyNumberFormat="1" applyFont="1" applyBorder="1" applyAlignment="1"/>
    <xf numFmtId="0" fontId="8" fillId="0" borderId="21" xfId="0" applyFont="1" applyBorder="1" applyAlignment="1"/>
    <xf numFmtId="2" fontId="8" fillId="0" borderId="24" xfId="4" applyNumberFormat="1" applyFont="1" applyBorder="1"/>
    <xf numFmtId="0" fontId="8" fillId="0" borderId="23" xfId="5" applyNumberFormat="1" applyFont="1" applyBorder="1" applyAlignment="1"/>
    <xf numFmtId="0" fontId="8" fillId="0" borderId="24" xfId="5" applyNumberFormat="1" applyFont="1" applyBorder="1" applyAlignment="1"/>
    <xf numFmtId="0" fontId="8" fillId="0" borderId="25" xfId="5" applyNumberFormat="1" applyFont="1" applyBorder="1" applyAlignment="1"/>
    <xf numFmtId="2" fontId="8" fillId="0" borderId="24" xfId="2" applyNumberFormat="1" applyFont="1" applyBorder="1"/>
    <xf numFmtId="0" fontId="8" fillId="0" borderId="26" xfId="0" applyNumberFormat="1" applyFont="1" applyBorder="1" applyAlignment="1"/>
    <xf numFmtId="0" fontId="8" fillId="0" borderId="47" xfId="0" applyNumberFormat="1" applyFont="1" applyBorder="1" applyAlignment="1"/>
    <xf numFmtId="2" fontId="8" fillId="0" borderId="46" xfId="0" applyNumberFormat="1" applyFont="1" applyBorder="1" applyAlignment="1"/>
    <xf numFmtId="176" fontId="8" fillId="0" borderId="48" xfId="0" applyNumberFormat="1" applyFont="1" applyBorder="1" applyAlignment="1"/>
    <xf numFmtId="0" fontId="8" fillId="0" borderId="47" xfId="0" applyFont="1" applyBorder="1" applyAlignment="1"/>
    <xf numFmtId="2" fontId="8" fillId="0" borderId="46" xfId="4" applyNumberFormat="1" applyFont="1" applyBorder="1"/>
    <xf numFmtId="2" fontId="8" fillId="0" borderId="49" xfId="5" applyNumberFormat="1" applyFont="1" applyBorder="1" applyAlignment="1"/>
    <xf numFmtId="0" fontId="8" fillId="0" borderId="50" xfId="5" applyNumberFormat="1" applyFont="1" applyBorder="1" applyAlignment="1"/>
    <xf numFmtId="2" fontId="8" fillId="0" borderId="46" xfId="2" applyNumberFormat="1" applyFont="1" applyBorder="1"/>
    <xf numFmtId="0" fontId="8" fillId="0" borderId="53" xfId="0" applyNumberFormat="1" applyFont="1" applyBorder="1" applyAlignment="1"/>
    <xf numFmtId="2" fontId="8" fillId="0" borderId="56" xfId="0" applyNumberFormat="1" applyFont="1" applyBorder="1" applyAlignment="1"/>
    <xf numFmtId="176" fontId="8" fillId="0" borderId="54" xfId="0" applyNumberFormat="1" applyFont="1" applyBorder="1" applyAlignment="1"/>
    <xf numFmtId="0" fontId="8" fillId="0" borderId="53" xfId="0" applyFont="1" applyBorder="1" applyAlignment="1"/>
    <xf numFmtId="2" fontId="8" fillId="0" borderId="56" xfId="4" applyNumberFormat="1" applyFont="1" applyBorder="1"/>
    <xf numFmtId="0" fontId="8" fillId="0" borderId="55" xfId="5" applyNumberFormat="1" applyFont="1" applyBorder="1" applyAlignment="1"/>
    <xf numFmtId="0" fontId="8" fillId="0" borderId="56" xfId="5" applyNumberFormat="1" applyFont="1" applyBorder="1" applyAlignment="1"/>
    <xf numFmtId="0" fontId="8" fillId="0" borderId="54" xfId="5" applyNumberFormat="1" applyFont="1" applyBorder="1" applyAlignment="1"/>
    <xf numFmtId="2" fontId="8" fillId="0" borderId="56" xfId="2" applyNumberFormat="1" applyFont="1" applyBorder="1"/>
    <xf numFmtId="0" fontId="8" fillId="0" borderId="57" xfId="0" applyNumberFormat="1" applyFont="1" applyBorder="1" applyAlignment="1"/>
    <xf numFmtId="0" fontId="5" fillId="0" borderId="0" xfId="0" applyFont="1" applyAlignment="1"/>
    <xf numFmtId="38" fontId="5" fillId="0" borderId="44" xfId="1" applyFont="1" applyBorder="1" applyAlignment="1">
      <alignment horizontal="distributed" justifyLastLine="1"/>
    </xf>
    <xf numFmtId="38" fontId="5" fillId="0" borderId="45" xfId="1" applyFont="1" applyBorder="1" applyAlignment="1">
      <alignment horizontal="distributed" justifyLastLine="1"/>
    </xf>
    <xf numFmtId="38" fontId="5" fillId="0" borderId="51" xfId="1" applyFont="1" applyBorder="1" applyAlignment="1">
      <alignment horizontal="distributed" justifyLastLine="1"/>
    </xf>
    <xf numFmtId="38" fontId="5" fillId="0" borderId="52" xfId="1" applyFont="1" applyBorder="1" applyAlignment="1">
      <alignment horizontal="distributed" justifyLastLine="1"/>
    </xf>
    <xf numFmtId="0" fontId="5" fillId="0" borderId="3" xfId="0" quotePrefix="1" applyFont="1" applyBorder="1" applyAlignment="1">
      <alignment horizontal="distributed" vertical="center" justifyLastLine="1"/>
    </xf>
    <xf numFmtId="0" fontId="5" fillId="0" borderId="4" xfId="0" applyFont="1" applyBorder="1" applyAlignment="1">
      <alignment horizontal="distributed" vertical="center" justifyLastLine="1"/>
    </xf>
    <xf numFmtId="0" fontId="0" fillId="0" borderId="4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0" fontId="5" fillId="0" borderId="6" xfId="0" quotePrefix="1" applyFont="1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5" fillId="0" borderId="5" xfId="0" applyFont="1" applyBorder="1" applyAlignment="1">
      <alignment horizontal="distributed" vertical="center" justifyLastLine="1"/>
    </xf>
    <xf numFmtId="0" fontId="5" fillId="0" borderId="1" xfId="0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9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9" xfId="0" applyBorder="1" applyAlignment="1">
      <alignment horizontal="distributed" vertical="center" justifyLastLine="1"/>
    </xf>
    <xf numFmtId="0" fontId="0" fillId="0" borderId="20" xfId="0" applyBorder="1" applyAlignment="1">
      <alignment horizontal="distributed" vertical="center" justifyLastLine="1"/>
    </xf>
  </cellXfs>
  <cellStyles count="6">
    <cellStyle name="パーセント" xfId="2" builtinId="5"/>
    <cellStyle name="パーセント 2" xfId="4"/>
    <cellStyle name="桁区切り" xfId="1" builtinId="6"/>
    <cellStyle name="標準" xfId="0" builtinId="0"/>
    <cellStyle name="標準 2" xfId="5"/>
    <cellStyle name="標準 5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79"/>
  <sheetViews>
    <sheetView tabSelected="1" view="pageBreakPreview" zoomScaleNormal="100" workbookViewId="0">
      <selection activeCell="I13" sqref="I13"/>
    </sheetView>
  </sheetViews>
  <sheetFormatPr defaultRowHeight="11.25" x14ac:dyDescent="0.15"/>
  <cols>
    <col min="1" max="1" width="3.625" style="2" customWidth="1"/>
    <col min="2" max="2" width="10" style="2" customWidth="1"/>
    <col min="3" max="3" width="8.75" style="3" customWidth="1"/>
    <col min="4" max="4" width="3.75" style="3" customWidth="1"/>
    <col min="5" max="5" width="8.75" style="3" customWidth="1"/>
    <col min="6" max="6" width="3.75" style="3" customWidth="1"/>
    <col min="7" max="7" width="8.75" style="3" customWidth="1"/>
    <col min="8" max="8" width="3.75" style="3" customWidth="1"/>
    <col min="9" max="9" width="8.75" style="3" customWidth="1"/>
    <col min="10" max="10" width="3.75" style="3" customWidth="1"/>
    <col min="11" max="11" width="8.75" style="3" customWidth="1"/>
    <col min="12" max="12" width="3.75" style="3" customWidth="1"/>
    <col min="13" max="13" width="8.75" style="2" customWidth="1"/>
    <col min="14" max="14" width="3.75" style="3" customWidth="1"/>
    <col min="15" max="15" width="3.25" style="2" customWidth="1"/>
    <col min="16" max="16384" width="9" style="2"/>
  </cols>
  <sheetData>
    <row r="1" spans="1:15" ht="16.5" customHeight="1" x14ac:dyDescent="0.15">
      <c r="A1" s="1" t="s">
        <v>0</v>
      </c>
    </row>
    <row r="2" spans="1:15" ht="18.75" customHeight="1" thickBot="1" x14ac:dyDescent="0.2">
      <c r="B2" s="4" t="s">
        <v>1</v>
      </c>
    </row>
    <row r="3" spans="1:15" s="6" customFormat="1" ht="15" customHeight="1" x14ac:dyDescent="0.15">
      <c r="A3" s="127" t="s">
        <v>2</v>
      </c>
      <c r="B3" s="128"/>
      <c r="C3" s="124" t="s">
        <v>3</v>
      </c>
      <c r="D3" s="125"/>
      <c r="E3" s="120" t="s">
        <v>4</v>
      </c>
      <c r="F3" s="126"/>
      <c r="G3" s="120" t="s">
        <v>5</v>
      </c>
      <c r="H3" s="121"/>
      <c r="I3" s="120" t="s">
        <v>6</v>
      </c>
      <c r="J3" s="121"/>
      <c r="K3" s="120" t="s">
        <v>7</v>
      </c>
      <c r="L3" s="122"/>
      <c r="M3" s="120" t="s">
        <v>8</v>
      </c>
      <c r="N3" s="123"/>
      <c r="O3" s="5"/>
    </row>
    <row r="4" spans="1:15" ht="12.75" customHeight="1" x14ac:dyDescent="0.15">
      <c r="A4" s="129"/>
      <c r="B4" s="130"/>
      <c r="C4" s="13" t="s">
        <v>9</v>
      </c>
      <c r="D4" s="14" t="s">
        <v>10</v>
      </c>
      <c r="E4" s="9" t="s">
        <v>9</v>
      </c>
      <c r="F4" s="8" t="s">
        <v>10</v>
      </c>
      <c r="G4" s="7" t="s">
        <v>11</v>
      </c>
      <c r="H4" s="10" t="s">
        <v>10</v>
      </c>
      <c r="I4" s="11" t="s">
        <v>9</v>
      </c>
      <c r="J4" s="12" t="s">
        <v>10</v>
      </c>
      <c r="K4" s="11" t="s">
        <v>11</v>
      </c>
      <c r="L4" s="12" t="s">
        <v>10</v>
      </c>
      <c r="M4" s="11" t="s">
        <v>11</v>
      </c>
      <c r="N4" s="15" t="s">
        <v>10</v>
      </c>
    </row>
    <row r="5" spans="1:15" ht="12.75" customHeight="1" x14ac:dyDescent="0.15">
      <c r="A5" s="131"/>
      <c r="B5" s="132"/>
      <c r="C5" s="19" t="s">
        <v>12</v>
      </c>
      <c r="D5" s="16" t="s">
        <v>13</v>
      </c>
      <c r="E5" s="20" t="s">
        <v>12</v>
      </c>
      <c r="F5" s="16" t="s">
        <v>13</v>
      </c>
      <c r="G5" s="17" t="s">
        <v>14</v>
      </c>
      <c r="H5" s="18" t="s">
        <v>13</v>
      </c>
      <c r="I5" s="19" t="s">
        <v>12</v>
      </c>
      <c r="J5" s="20" t="s">
        <v>13</v>
      </c>
      <c r="K5" s="19" t="s">
        <v>14</v>
      </c>
      <c r="L5" s="20" t="s">
        <v>13</v>
      </c>
      <c r="M5" s="19" t="s">
        <v>14</v>
      </c>
      <c r="N5" s="21" t="s">
        <v>13</v>
      </c>
    </row>
    <row r="6" spans="1:15" ht="19.5" customHeight="1" x14ac:dyDescent="0.15">
      <c r="A6" s="22">
        <v>1</v>
      </c>
      <c r="B6" s="23" t="s">
        <v>15</v>
      </c>
      <c r="C6" s="25">
        <v>88.87</v>
      </c>
      <c r="D6" s="24">
        <v>22</v>
      </c>
      <c r="E6" s="26">
        <v>89.91</v>
      </c>
      <c r="F6" s="24">
        <v>19</v>
      </c>
      <c r="G6" s="26">
        <v>91.5</v>
      </c>
      <c r="H6" s="27">
        <v>16</v>
      </c>
      <c r="I6" s="28">
        <v>92.51</v>
      </c>
      <c r="J6" s="29">
        <v>13</v>
      </c>
      <c r="K6" s="30">
        <v>93.92</v>
      </c>
      <c r="L6" s="31">
        <v>7</v>
      </c>
      <c r="M6" s="32">
        <v>94.55</v>
      </c>
      <c r="N6" s="33">
        <v>5</v>
      </c>
    </row>
    <row r="7" spans="1:15" ht="19.5" customHeight="1" x14ac:dyDescent="0.15">
      <c r="A7" s="22">
        <v>2</v>
      </c>
      <c r="B7" s="23" t="s">
        <v>16</v>
      </c>
      <c r="C7" s="25">
        <v>88.29</v>
      </c>
      <c r="D7" s="24">
        <v>25</v>
      </c>
      <c r="E7" s="26">
        <v>90.02</v>
      </c>
      <c r="F7" s="24">
        <v>17</v>
      </c>
      <c r="G7" s="26">
        <v>91.53</v>
      </c>
      <c r="H7" s="27">
        <v>15</v>
      </c>
      <c r="I7" s="28">
        <v>92.96</v>
      </c>
      <c r="J7" s="29">
        <v>9</v>
      </c>
      <c r="K7" s="30">
        <v>93.91</v>
      </c>
      <c r="L7" s="31">
        <v>8</v>
      </c>
      <c r="M7" s="32">
        <v>94.12</v>
      </c>
      <c r="N7" s="33">
        <v>7</v>
      </c>
    </row>
    <row r="8" spans="1:15" ht="19.5" customHeight="1" x14ac:dyDescent="0.15">
      <c r="A8" s="22">
        <v>3</v>
      </c>
      <c r="B8" s="23" t="s">
        <v>17</v>
      </c>
      <c r="C8" s="25">
        <v>89.84</v>
      </c>
      <c r="D8" s="24">
        <v>17</v>
      </c>
      <c r="E8" s="26">
        <v>89.92</v>
      </c>
      <c r="F8" s="24">
        <v>18</v>
      </c>
      <c r="G8" s="26">
        <v>90.31</v>
      </c>
      <c r="H8" s="27">
        <v>19</v>
      </c>
      <c r="I8" s="28">
        <v>90.24</v>
      </c>
      <c r="J8" s="29">
        <v>22</v>
      </c>
      <c r="K8" s="30">
        <v>90.66</v>
      </c>
      <c r="L8" s="31">
        <v>26</v>
      </c>
      <c r="M8" s="32">
        <v>90.27</v>
      </c>
      <c r="N8" s="33">
        <v>27</v>
      </c>
    </row>
    <row r="9" spans="1:15" ht="19.5" customHeight="1" x14ac:dyDescent="0.15">
      <c r="A9" s="22">
        <v>4</v>
      </c>
      <c r="B9" s="23" t="s">
        <v>18</v>
      </c>
      <c r="C9" s="25">
        <v>88.8</v>
      </c>
      <c r="D9" s="24">
        <v>23</v>
      </c>
      <c r="E9" s="26">
        <v>89</v>
      </c>
      <c r="F9" s="24">
        <v>25</v>
      </c>
      <c r="G9" s="26">
        <v>88.72</v>
      </c>
      <c r="H9" s="27">
        <v>28</v>
      </c>
      <c r="I9" s="28">
        <v>88.67</v>
      </c>
      <c r="J9" s="29">
        <v>29</v>
      </c>
      <c r="K9" s="30">
        <v>89.03</v>
      </c>
      <c r="L9" s="31">
        <v>29</v>
      </c>
      <c r="M9" s="32">
        <v>89.44</v>
      </c>
      <c r="N9" s="33">
        <v>30</v>
      </c>
    </row>
    <row r="10" spans="1:15" ht="19.5" customHeight="1" x14ac:dyDescent="0.15">
      <c r="A10" s="22">
        <v>5</v>
      </c>
      <c r="B10" s="23" t="s">
        <v>19</v>
      </c>
      <c r="C10" s="25">
        <v>92.1</v>
      </c>
      <c r="D10" s="24">
        <v>12</v>
      </c>
      <c r="E10" s="26">
        <v>91.92</v>
      </c>
      <c r="F10" s="24">
        <v>12</v>
      </c>
      <c r="G10" s="26">
        <v>92.91</v>
      </c>
      <c r="H10" s="27">
        <v>8</v>
      </c>
      <c r="I10" s="28">
        <v>93.29</v>
      </c>
      <c r="J10" s="29">
        <v>8</v>
      </c>
      <c r="K10" s="30">
        <v>94.12</v>
      </c>
      <c r="L10" s="31">
        <v>6</v>
      </c>
      <c r="M10" s="32">
        <v>94.06</v>
      </c>
      <c r="N10" s="33">
        <v>8</v>
      </c>
    </row>
    <row r="11" spans="1:15" ht="19.5" customHeight="1" x14ac:dyDescent="0.15">
      <c r="A11" s="22">
        <v>6</v>
      </c>
      <c r="B11" s="23" t="s">
        <v>20</v>
      </c>
      <c r="C11" s="25">
        <v>88.7</v>
      </c>
      <c r="D11" s="24">
        <v>24</v>
      </c>
      <c r="E11" s="26">
        <v>89.13</v>
      </c>
      <c r="F11" s="24">
        <v>22</v>
      </c>
      <c r="G11" s="26">
        <v>90.19</v>
      </c>
      <c r="H11" s="27">
        <v>20</v>
      </c>
      <c r="I11" s="28">
        <v>90.64</v>
      </c>
      <c r="J11" s="29">
        <v>20</v>
      </c>
      <c r="K11" s="30">
        <v>90.89</v>
      </c>
      <c r="L11" s="31">
        <v>23</v>
      </c>
      <c r="M11" s="32">
        <v>91.19</v>
      </c>
      <c r="N11" s="33">
        <v>24</v>
      </c>
    </row>
    <row r="12" spans="1:15" ht="19.5" customHeight="1" x14ac:dyDescent="0.15">
      <c r="A12" s="22">
        <v>7</v>
      </c>
      <c r="B12" s="23" t="s">
        <v>21</v>
      </c>
      <c r="C12" s="25">
        <v>85.34</v>
      </c>
      <c r="D12" s="24">
        <v>33</v>
      </c>
      <c r="E12" s="26">
        <v>86.63</v>
      </c>
      <c r="F12" s="24">
        <v>30</v>
      </c>
      <c r="G12" s="26">
        <v>88.93</v>
      </c>
      <c r="H12" s="27">
        <v>26</v>
      </c>
      <c r="I12" s="28">
        <v>89.69</v>
      </c>
      <c r="J12" s="29">
        <v>26</v>
      </c>
      <c r="K12" s="30">
        <v>92.03</v>
      </c>
      <c r="L12" s="31">
        <v>18</v>
      </c>
      <c r="M12" s="32">
        <v>92.83</v>
      </c>
      <c r="N12" s="33">
        <v>12</v>
      </c>
    </row>
    <row r="13" spans="1:15" ht="19.5" customHeight="1" x14ac:dyDescent="0.15">
      <c r="A13" s="22">
        <v>8</v>
      </c>
      <c r="B13" s="23" t="s">
        <v>22</v>
      </c>
      <c r="C13" s="25">
        <v>89.93</v>
      </c>
      <c r="D13" s="24">
        <v>16</v>
      </c>
      <c r="E13" s="26">
        <v>90.79</v>
      </c>
      <c r="F13" s="24">
        <v>15</v>
      </c>
      <c r="G13" s="26">
        <v>91.17</v>
      </c>
      <c r="H13" s="27">
        <v>18</v>
      </c>
      <c r="I13" s="28">
        <v>91.78</v>
      </c>
      <c r="J13" s="29">
        <v>16</v>
      </c>
      <c r="K13" s="30">
        <v>92.29</v>
      </c>
      <c r="L13" s="31">
        <v>15</v>
      </c>
      <c r="M13" s="32">
        <v>92.19</v>
      </c>
      <c r="N13" s="33">
        <v>18</v>
      </c>
    </row>
    <row r="14" spans="1:15" ht="19.5" customHeight="1" x14ac:dyDescent="0.15">
      <c r="A14" s="22">
        <v>9</v>
      </c>
      <c r="B14" s="23" t="s">
        <v>23</v>
      </c>
      <c r="C14" s="25">
        <v>94.13</v>
      </c>
      <c r="D14" s="24">
        <v>5</v>
      </c>
      <c r="E14" s="26">
        <v>93.52</v>
      </c>
      <c r="F14" s="24">
        <v>6</v>
      </c>
      <c r="G14" s="26">
        <v>93.81</v>
      </c>
      <c r="H14" s="27">
        <v>4</v>
      </c>
      <c r="I14" s="28">
        <v>93.63</v>
      </c>
      <c r="J14" s="29">
        <v>6</v>
      </c>
      <c r="K14" s="30">
        <v>93.01</v>
      </c>
      <c r="L14" s="31">
        <v>12</v>
      </c>
      <c r="M14" s="32">
        <v>92.25</v>
      </c>
      <c r="N14" s="33">
        <v>16</v>
      </c>
    </row>
    <row r="15" spans="1:15" ht="19.5" customHeight="1" x14ac:dyDescent="0.15">
      <c r="A15" s="22">
        <v>10</v>
      </c>
      <c r="B15" s="23" t="s">
        <v>24</v>
      </c>
      <c r="C15" s="25">
        <v>86.23</v>
      </c>
      <c r="D15" s="24">
        <v>31</v>
      </c>
      <c r="E15" s="26">
        <v>86.59</v>
      </c>
      <c r="F15" s="24">
        <v>32</v>
      </c>
      <c r="G15" s="26">
        <v>87.14</v>
      </c>
      <c r="H15" s="27">
        <v>33</v>
      </c>
      <c r="I15" s="28">
        <v>87.5</v>
      </c>
      <c r="J15" s="29">
        <v>32</v>
      </c>
      <c r="K15" s="30">
        <v>88.72</v>
      </c>
      <c r="L15" s="31">
        <v>32</v>
      </c>
      <c r="M15" s="32">
        <v>88.86</v>
      </c>
      <c r="N15" s="33">
        <v>32</v>
      </c>
    </row>
    <row r="16" spans="1:15" ht="19.5" customHeight="1" x14ac:dyDescent="0.15">
      <c r="A16" s="22">
        <v>11</v>
      </c>
      <c r="B16" s="23" t="s">
        <v>25</v>
      </c>
      <c r="C16" s="25">
        <v>89.42</v>
      </c>
      <c r="D16" s="24">
        <v>19</v>
      </c>
      <c r="E16" s="26">
        <v>89.1</v>
      </c>
      <c r="F16" s="24">
        <v>24</v>
      </c>
      <c r="G16" s="26">
        <v>89.72</v>
      </c>
      <c r="H16" s="27">
        <v>23</v>
      </c>
      <c r="I16" s="28">
        <v>90.38</v>
      </c>
      <c r="J16" s="29">
        <v>21</v>
      </c>
      <c r="K16" s="30">
        <v>90.53</v>
      </c>
      <c r="L16" s="31">
        <v>27</v>
      </c>
      <c r="M16" s="32">
        <v>90.38</v>
      </c>
      <c r="N16" s="33">
        <v>26</v>
      </c>
    </row>
    <row r="17" spans="1:14" ht="19.5" customHeight="1" x14ac:dyDescent="0.15">
      <c r="A17" s="22">
        <v>12</v>
      </c>
      <c r="B17" s="23" t="s">
        <v>26</v>
      </c>
      <c r="C17" s="25">
        <v>90.35</v>
      </c>
      <c r="D17" s="24">
        <v>13</v>
      </c>
      <c r="E17" s="26">
        <v>90.85</v>
      </c>
      <c r="F17" s="24">
        <v>14</v>
      </c>
      <c r="G17" s="26">
        <v>91.4</v>
      </c>
      <c r="H17" s="27">
        <v>17</v>
      </c>
      <c r="I17" s="28">
        <v>91.24</v>
      </c>
      <c r="J17" s="29">
        <v>19</v>
      </c>
      <c r="K17" s="34">
        <v>91.1</v>
      </c>
      <c r="L17" s="31">
        <v>22</v>
      </c>
      <c r="M17" s="32">
        <v>91.48</v>
      </c>
      <c r="N17" s="33">
        <v>23</v>
      </c>
    </row>
    <row r="18" spans="1:14" ht="19.5" customHeight="1" x14ac:dyDescent="0.15">
      <c r="A18" s="22">
        <v>13</v>
      </c>
      <c r="B18" s="23" t="s">
        <v>27</v>
      </c>
      <c r="C18" s="25">
        <v>87.55</v>
      </c>
      <c r="D18" s="24">
        <v>27</v>
      </c>
      <c r="E18" s="26">
        <v>87.73</v>
      </c>
      <c r="F18" s="24">
        <v>27</v>
      </c>
      <c r="G18" s="26">
        <v>88.89</v>
      </c>
      <c r="H18" s="27">
        <v>27</v>
      </c>
      <c r="I18" s="28">
        <v>89.51</v>
      </c>
      <c r="J18" s="29">
        <v>27</v>
      </c>
      <c r="K18" s="30">
        <v>89.83</v>
      </c>
      <c r="L18" s="31">
        <v>28</v>
      </c>
      <c r="M18" s="32">
        <v>90.21</v>
      </c>
      <c r="N18" s="33">
        <v>28</v>
      </c>
    </row>
    <row r="19" spans="1:14" ht="19.5" customHeight="1" x14ac:dyDescent="0.15">
      <c r="A19" s="22">
        <v>14</v>
      </c>
      <c r="B19" s="23" t="s">
        <v>28</v>
      </c>
      <c r="C19" s="25">
        <v>86.42</v>
      </c>
      <c r="D19" s="24">
        <v>30</v>
      </c>
      <c r="E19" s="26">
        <v>86.88</v>
      </c>
      <c r="F19" s="24">
        <v>29</v>
      </c>
      <c r="G19" s="26">
        <v>87.44</v>
      </c>
      <c r="H19" s="27">
        <v>30</v>
      </c>
      <c r="I19" s="28">
        <v>88.37</v>
      </c>
      <c r="J19" s="29">
        <v>31</v>
      </c>
      <c r="K19" s="30">
        <v>88.87</v>
      </c>
      <c r="L19" s="31">
        <v>31</v>
      </c>
      <c r="M19" s="32">
        <v>89.13</v>
      </c>
      <c r="N19" s="33">
        <v>31</v>
      </c>
    </row>
    <row r="20" spans="1:14" ht="19.5" customHeight="1" x14ac:dyDescent="0.15">
      <c r="A20" s="22">
        <v>15</v>
      </c>
      <c r="B20" s="23" t="s">
        <v>29</v>
      </c>
      <c r="C20" s="25">
        <v>90.04</v>
      </c>
      <c r="D20" s="24">
        <v>15</v>
      </c>
      <c r="E20" s="26">
        <v>89.72</v>
      </c>
      <c r="F20" s="24">
        <v>20</v>
      </c>
      <c r="G20" s="26">
        <v>89.77</v>
      </c>
      <c r="H20" s="27">
        <v>22</v>
      </c>
      <c r="I20" s="28">
        <v>90.2</v>
      </c>
      <c r="J20" s="29">
        <v>23</v>
      </c>
      <c r="K20" s="30">
        <v>90.82</v>
      </c>
      <c r="L20" s="31">
        <v>25</v>
      </c>
      <c r="M20" s="32">
        <v>91.19</v>
      </c>
      <c r="N20" s="33">
        <v>24</v>
      </c>
    </row>
    <row r="21" spans="1:14" ht="19.5" customHeight="1" x14ac:dyDescent="0.15">
      <c r="A21" s="22">
        <v>16</v>
      </c>
      <c r="B21" s="23" t="s">
        <v>30</v>
      </c>
      <c r="C21" s="25">
        <v>88.92</v>
      </c>
      <c r="D21" s="24">
        <v>21</v>
      </c>
      <c r="E21" s="26">
        <v>88.43</v>
      </c>
      <c r="F21" s="24">
        <v>26</v>
      </c>
      <c r="G21" s="26">
        <v>89.68</v>
      </c>
      <c r="H21" s="27">
        <v>24</v>
      </c>
      <c r="I21" s="28">
        <v>89.98</v>
      </c>
      <c r="J21" s="29">
        <v>25</v>
      </c>
      <c r="K21" s="30">
        <v>90.88</v>
      </c>
      <c r="L21" s="31">
        <v>24</v>
      </c>
      <c r="M21" s="32">
        <v>91.72</v>
      </c>
      <c r="N21" s="33">
        <v>21</v>
      </c>
    </row>
    <row r="22" spans="1:14" ht="19.5" customHeight="1" x14ac:dyDescent="0.15">
      <c r="A22" s="22">
        <v>17</v>
      </c>
      <c r="B22" s="23" t="s">
        <v>31</v>
      </c>
      <c r="C22" s="25">
        <v>85.99</v>
      </c>
      <c r="D22" s="24">
        <v>32</v>
      </c>
      <c r="E22" s="26">
        <v>86.94</v>
      </c>
      <c r="F22" s="24">
        <v>28</v>
      </c>
      <c r="G22" s="26">
        <v>87.24</v>
      </c>
      <c r="H22" s="27">
        <v>32</v>
      </c>
      <c r="I22" s="28">
        <v>88.39</v>
      </c>
      <c r="J22" s="29">
        <v>30</v>
      </c>
      <c r="K22" s="30">
        <v>88.97</v>
      </c>
      <c r="L22" s="31">
        <v>30</v>
      </c>
      <c r="M22" s="32">
        <v>89.53</v>
      </c>
      <c r="N22" s="33">
        <v>29</v>
      </c>
    </row>
    <row r="23" spans="1:14" ht="19.5" customHeight="1" x14ac:dyDescent="0.15">
      <c r="A23" s="22">
        <v>18</v>
      </c>
      <c r="B23" s="23" t="s">
        <v>32</v>
      </c>
      <c r="C23" s="25">
        <v>86.6</v>
      </c>
      <c r="D23" s="24">
        <v>28</v>
      </c>
      <c r="E23" s="26">
        <v>86.63</v>
      </c>
      <c r="F23" s="24">
        <v>30</v>
      </c>
      <c r="G23" s="26">
        <v>87.8</v>
      </c>
      <c r="H23" s="27">
        <v>29</v>
      </c>
      <c r="I23" s="28">
        <v>89.44</v>
      </c>
      <c r="J23" s="29">
        <v>28</v>
      </c>
      <c r="K23" s="30">
        <v>91.45</v>
      </c>
      <c r="L23" s="31">
        <v>21</v>
      </c>
      <c r="M23" s="32">
        <v>91.61</v>
      </c>
      <c r="N23" s="33">
        <v>22</v>
      </c>
    </row>
    <row r="24" spans="1:14" ht="19.5" customHeight="1" thickBot="1" x14ac:dyDescent="0.2">
      <c r="A24" s="35">
        <v>21</v>
      </c>
      <c r="B24" s="36" t="s">
        <v>33</v>
      </c>
      <c r="C24" s="38">
        <v>89.22</v>
      </c>
      <c r="D24" s="37">
        <v>20</v>
      </c>
      <c r="E24" s="39">
        <v>91.3</v>
      </c>
      <c r="F24" s="37">
        <v>13</v>
      </c>
      <c r="G24" s="39">
        <v>92.45</v>
      </c>
      <c r="H24" s="40">
        <v>11</v>
      </c>
      <c r="I24" s="41">
        <v>92.45</v>
      </c>
      <c r="J24" s="42">
        <v>14</v>
      </c>
      <c r="K24" s="43">
        <v>92.2</v>
      </c>
      <c r="L24" s="44">
        <v>16</v>
      </c>
      <c r="M24" s="45">
        <v>92.48</v>
      </c>
      <c r="N24" s="46">
        <v>14</v>
      </c>
    </row>
    <row r="25" spans="1:14" ht="19.5" customHeight="1" thickTop="1" x14ac:dyDescent="0.15">
      <c r="A25" s="22">
        <v>19</v>
      </c>
      <c r="B25" s="23" t="s">
        <v>34</v>
      </c>
      <c r="C25" s="25">
        <v>90.27</v>
      </c>
      <c r="D25" s="24">
        <v>14</v>
      </c>
      <c r="E25" s="26">
        <v>90.29</v>
      </c>
      <c r="F25" s="24">
        <v>16</v>
      </c>
      <c r="G25" s="26">
        <v>91.65</v>
      </c>
      <c r="H25" s="27">
        <v>14</v>
      </c>
      <c r="I25" s="28">
        <v>92.18</v>
      </c>
      <c r="J25" s="29">
        <v>15</v>
      </c>
      <c r="K25" s="34">
        <v>93.1</v>
      </c>
      <c r="L25" s="31">
        <v>10</v>
      </c>
      <c r="M25" s="32">
        <v>93.29</v>
      </c>
      <c r="N25" s="33">
        <v>11</v>
      </c>
    </row>
    <row r="26" spans="1:14" ht="19.5" customHeight="1" x14ac:dyDescent="0.15">
      <c r="A26" s="22">
        <v>20</v>
      </c>
      <c r="B26" s="23" t="s">
        <v>35</v>
      </c>
      <c r="C26" s="25">
        <v>92.22</v>
      </c>
      <c r="D26" s="24">
        <v>9</v>
      </c>
      <c r="E26" s="26">
        <v>92.57</v>
      </c>
      <c r="F26" s="24">
        <v>9</v>
      </c>
      <c r="G26" s="26">
        <v>92.87</v>
      </c>
      <c r="H26" s="27">
        <v>9</v>
      </c>
      <c r="I26" s="28">
        <v>93.34</v>
      </c>
      <c r="J26" s="29">
        <v>7</v>
      </c>
      <c r="K26" s="30">
        <v>92.58</v>
      </c>
      <c r="L26" s="31">
        <v>14</v>
      </c>
      <c r="M26" s="32">
        <v>92.23</v>
      </c>
      <c r="N26" s="33">
        <v>17</v>
      </c>
    </row>
    <row r="27" spans="1:14" ht="19.5" customHeight="1" x14ac:dyDescent="0.15">
      <c r="A27" s="22">
        <v>22</v>
      </c>
      <c r="B27" s="23" t="s">
        <v>36</v>
      </c>
      <c r="C27" s="25">
        <v>92.85</v>
      </c>
      <c r="D27" s="24">
        <v>7</v>
      </c>
      <c r="E27" s="26">
        <v>92.8</v>
      </c>
      <c r="F27" s="24">
        <v>7</v>
      </c>
      <c r="G27" s="26">
        <v>93.33</v>
      </c>
      <c r="H27" s="27">
        <v>7</v>
      </c>
      <c r="I27" s="28">
        <v>92.59</v>
      </c>
      <c r="J27" s="29">
        <v>11</v>
      </c>
      <c r="K27" s="30">
        <v>93.55</v>
      </c>
      <c r="L27" s="31">
        <v>9</v>
      </c>
      <c r="M27" s="32">
        <v>93.42</v>
      </c>
      <c r="N27" s="33">
        <v>10</v>
      </c>
    </row>
    <row r="28" spans="1:14" ht="19.5" customHeight="1" x14ac:dyDescent="0.15">
      <c r="A28" s="22">
        <v>23</v>
      </c>
      <c r="B28" s="23" t="s">
        <v>37</v>
      </c>
      <c r="C28" s="25">
        <v>92.15</v>
      </c>
      <c r="D28" s="24">
        <v>11</v>
      </c>
      <c r="E28" s="26">
        <v>92.75</v>
      </c>
      <c r="F28" s="24">
        <v>8</v>
      </c>
      <c r="G28" s="26">
        <v>92.76</v>
      </c>
      <c r="H28" s="27">
        <v>10</v>
      </c>
      <c r="I28" s="28">
        <v>92.56</v>
      </c>
      <c r="J28" s="29">
        <v>12</v>
      </c>
      <c r="K28" s="30">
        <v>92.98</v>
      </c>
      <c r="L28" s="31">
        <v>13</v>
      </c>
      <c r="M28" s="32">
        <v>92.74</v>
      </c>
      <c r="N28" s="33">
        <v>13</v>
      </c>
    </row>
    <row r="29" spans="1:14" ht="19.5" customHeight="1" x14ac:dyDescent="0.15">
      <c r="A29" s="22">
        <v>24</v>
      </c>
      <c r="B29" s="23" t="s">
        <v>38</v>
      </c>
      <c r="C29" s="25">
        <v>95.01</v>
      </c>
      <c r="D29" s="24">
        <v>2</v>
      </c>
      <c r="E29" s="26">
        <v>94.7</v>
      </c>
      <c r="F29" s="24">
        <v>2</v>
      </c>
      <c r="G29" s="26">
        <v>95.2</v>
      </c>
      <c r="H29" s="27">
        <v>1</v>
      </c>
      <c r="I29" s="28">
        <v>94.51</v>
      </c>
      <c r="J29" s="29">
        <v>2</v>
      </c>
      <c r="K29" s="30">
        <v>96.07</v>
      </c>
      <c r="L29" s="31">
        <v>1</v>
      </c>
      <c r="M29" s="32">
        <v>96.85</v>
      </c>
      <c r="N29" s="33">
        <v>1</v>
      </c>
    </row>
    <row r="30" spans="1:14" ht="19.5" customHeight="1" x14ac:dyDescent="0.15">
      <c r="A30" s="22">
        <v>25</v>
      </c>
      <c r="B30" s="23" t="s">
        <v>39</v>
      </c>
      <c r="C30" s="25">
        <v>92.23</v>
      </c>
      <c r="D30" s="24">
        <v>8</v>
      </c>
      <c r="E30" s="26">
        <v>92.52</v>
      </c>
      <c r="F30" s="24">
        <v>10</v>
      </c>
      <c r="G30" s="26">
        <v>92.24</v>
      </c>
      <c r="H30" s="27">
        <v>12</v>
      </c>
      <c r="I30" s="28">
        <v>92.86</v>
      </c>
      <c r="J30" s="29">
        <v>10</v>
      </c>
      <c r="K30" s="30">
        <v>93.02</v>
      </c>
      <c r="L30" s="31">
        <v>11</v>
      </c>
      <c r="M30" s="32">
        <v>94</v>
      </c>
      <c r="N30" s="33">
        <v>9</v>
      </c>
    </row>
    <row r="31" spans="1:14" ht="19.5" customHeight="1" x14ac:dyDescent="0.15">
      <c r="A31" s="22">
        <v>26</v>
      </c>
      <c r="B31" s="23" t="s">
        <v>40</v>
      </c>
      <c r="C31" s="25">
        <v>93.28</v>
      </c>
      <c r="D31" s="24">
        <v>6</v>
      </c>
      <c r="E31" s="26">
        <v>93.68</v>
      </c>
      <c r="F31" s="24">
        <v>4</v>
      </c>
      <c r="G31" s="26">
        <v>93.75</v>
      </c>
      <c r="H31" s="27">
        <v>5</v>
      </c>
      <c r="I31" s="28">
        <v>94.53</v>
      </c>
      <c r="J31" s="29">
        <v>1</v>
      </c>
      <c r="K31" s="30">
        <v>95.21</v>
      </c>
      <c r="L31" s="31">
        <v>3</v>
      </c>
      <c r="M31" s="32">
        <v>95.38</v>
      </c>
      <c r="N31" s="33">
        <v>4</v>
      </c>
    </row>
    <row r="32" spans="1:14" ht="19.5" customHeight="1" x14ac:dyDescent="0.15">
      <c r="A32" s="22">
        <v>27</v>
      </c>
      <c r="B32" s="23" t="s">
        <v>41</v>
      </c>
      <c r="C32" s="25">
        <v>95.67</v>
      </c>
      <c r="D32" s="24">
        <v>1</v>
      </c>
      <c r="E32" s="26">
        <v>94.75</v>
      </c>
      <c r="F32" s="24">
        <v>1</v>
      </c>
      <c r="G32" s="26">
        <v>95.03</v>
      </c>
      <c r="H32" s="27">
        <v>2</v>
      </c>
      <c r="I32" s="28">
        <v>94.4</v>
      </c>
      <c r="J32" s="29">
        <v>3</v>
      </c>
      <c r="K32" s="30">
        <v>95.73</v>
      </c>
      <c r="L32" s="31">
        <v>2</v>
      </c>
      <c r="M32" s="32">
        <v>95.59</v>
      </c>
      <c r="N32" s="33">
        <v>2</v>
      </c>
    </row>
    <row r="33" spans="1:14" ht="19.5" customHeight="1" x14ac:dyDescent="0.15">
      <c r="A33" s="22">
        <v>28</v>
      </c>
      <c r="B33" s="23" t="s">
        <v>42</v>
      </c>
      <c r="C33" s="25">
        <v>94.26</v>
      </c>
      <c r="D33" s="24">
        <v>3</v>
      </c>
      <c r="E33" s="26">
        <v>93.56</v>
      </c>
      <c r="F33" s="24">
        <v>5</v>
      </c>
      <c r="G33" s="26">
        <v>93.7</v>
      </c>
      <c r="H33" s="27">
        <v>6</v>
      </c>
      <c r="I33" s="28">
        <v>94.11</v>
      </c>
      <c r="J33" s="29">
        <v>4</v>
      </c>
      <c r="K33" s="30">
        <v>94.36</v>
      </c>
      <c r="L33" s="31">
        <v>5</v>
      </c>
      <c r="M33" s="32">
        <v>94.4</v>
      </c>
      <c r="N33" s="33">
        <v>6</v>
      </c>
    </row>
    <row r="34" spans="1:14" ht="19.5" customHeight="1" x14ac:dyDescent="0.15">
      <c r="A34" s="22">
        <v>29</v>
      </c>
      <c r="B34" s="23" t="s">
        <v>43</v>
      </c>
      <c r="C34" s="25">
        <v>86.46</v>
      </c>
      <c r="D34" s="24">
        <v>29</v>
      </c>
      <c r="E34" s="26">
        <v>86.42</v>
      </c>
      <c r="F34" s="24">
        <v>33</v>
      </c>
      <c r="G34" s="26">
        <v>87.34</v>
      </c>
      <c r="H34" s="27">
        <v>31</v>
      </c>
      <c r="I34" s="28">
        <v>87.31</v>
      </c>
      <c r="J34" s="29">
        <v>33</v>
      </c>
      <c r="K34" s="30">
        <v>86.93</v>
      </c>
      <c r="L34" s="31">
        <v>33</v>
      </c>
      <c r="M34" s="32">
        <v>87.17</v>
      </c>
      <c r="N34" s="33">
        <v>33</v>
      </c>
    </row>
    <row r="35" spans="1:14" ht="19.5" customHeight="1" x14ac:dyDescent="0.15">
      <c r="A35" s="22">
        <v>30</v>
      </c>
      <c r="B35" s="23" t="s">
        <v>44</v>
      </c>
      <c r="C35" s="25">
        <v>92.17</v>
      </c>
      <c r="D35" s="24">
        <v>10</v>
      </c>
      <c r="E35" s="26">
        <v>92.03</v>
      </c>
      <c r="F35" s="24">
        <v>11</v>
      </c>
      <c r="G35" s="26">
        <v>92.04</v>
      </c>
      <c r="H35" s="27">
        <v>13</v>
      </c>
      <c r="I35" s="28">
        <v>91.63</v>
      </c>
      <c r="J35" s="29">
        <v>17</v>
      </c>
      <c r="K35" s="30">
        <v>91.76</v>
      </c>
      <c r="L35" s="31">
        <v>19</v>
      </c>
      <c r="M35" s="32">
        <v>91.8</v>
      </c>
      <c r="N35" s="33">
        <v>20</v>
      </c>
    </row>
    <row r="36" spans="1:14" ht="19.5" customHeight="1" x14ac:dyDescent="0.15">
      <c r="A36" s="22">
        <v>31</v>
      </c>
      <c r="B36" s="23" t="s">
        <v>45</v>
      </c>
      <c r="C36" s="25">
        <v>88.26</v>
      </c>
      <c r="D36" s="24">
        <v>26</v>
      </c>
      <c r="E36" s="26">
        <v>89.65</v>
      </c>
      <c r="F36" s="24">
        <v>21</v>
      </c>
      <c r="G36" s="26">
        <v>90.06</v>
      </c>
      <c r="H36" s="27">
        <v>21</v>
      </c>
      <c r="I36" s="28">
        <v>90.09</v>
      </c>
      <c r="J36" s="29">
        <v>24</v>
      </c>
      <c r="K36" s="47">
        <v>91.6</v>
      </c>
      <c r="L36" s="31">
        <v>20</v>
      </c>
      <c r="M36" s="32">
        <v>92.19</v>
      </c>
      <c r="N36" s="33">
        <v>18</v>
      </c>
    </row>
    <row r="37" spans="1:14" ht="19.5" customHeight="1" x14ac:dyDescent="0.15">
      <c r="A37" s="48">
        <v>32</v>
      </c>
      <c r="B37" s="49" t="s">
        <v>46</v>
      </c>
      <c r="C37" s="51">
        <v>89.43</v>
      </c>
      <c r="D37" s="50">
        <v>18</v>
      </c>
      <c r="E37" s="52">
        <v>89.12</v>
      </c>
      <c r="F37" s="50">
        <v>23</v>
      </c>
      <c r="G37" s="52">
        <v>89.22</v>
      </c>
      <c r="H37" s="53">
        <v>25</v>
      </c>
      <c r="I37" s="54">
        <v>91.42</v>
      </c>
      <c r="J37" s="55">
        <v>18</v>
      </c>
      <c r="K37" s="56">
        <v>92.11</v>
      </c>
      <c r="L37" s="57">
        <v>17</v>
      </c>
      <c r="M37" s="58">
        <v>92.45</v>
      </c>
      <c r="N37" s="59">
        <v>15</v>
      </c>
    </row>
    <row r="38" spans="1:14" ht="19.5" customHeight="1" thickBot="1" x14ac:dyDescent="0.2">
      <c r="A38" s="60">
        <v>33</v>
      </c>
      <c r="B38" s="36" t="s">
        <v>47</v>
      </c>
      <c r="C38" s="38">
        <v>94.2</v>
      </c>
      <c r="D38" s="37">
        <v>4</v>
      </c>
      <c r="E38" s="39">
        <v>93.74</v>
      </c>
      <c r="F38" s="37">
        <v>3</v>
      </c>
      <c r="G38" s="39">
        <v>94.21</v>
      </c>
      <c r="H38" s="40">
        <v>3</v>
      </c>
      <c r="I38" s="41">
        <v>93.85</v>
      </c>
      <c r="J38" s="42">
        <v>5</v>
      </c>
      <c r="K38" s="61">
        <v>95.02</v>
      </c>
      <c r="L38" s="44">
        <v>4</v>
      </c>
      <c r="M38" s="45">
        <v>95.44</v>
      </c>
      <c r="N38" s="46">
        <v>3</v>
      </c>
    </row>
    <row r="39" spans="1:14" ht="19.5" hidden="1" customHeight="1" thickTop="1" x14ac:dyDescent="0.15">
      <c r="A39" s="22">
        <v>34</v>
      </c>
      <c r="B39" s="62" t="s">
        <v>48</v>
      </c>
      <c r="C39" s="64" t="s">
        <v>49</v>
      </c>
      <c r="D39" s="63" t="s">
        <v>49</v>
      </c>
      <c r="E39" s="65" t="s">
        <v>49</v>
      </c>
      <c r="F39" s="63" t="s">
        <v>49</v>
      </c>
      <c r="G39" s="65"/>
      <c r="H39" s="66"/>
      <c r="I39" s="67"/>
      <c r="J39" s="67"/>
      <c r="K39" s="68"/>
      <c r="L39" s="67"/>
      <c r="M39" s="69" t="s">
        <v>50</v>
      </c>
      <c r="N39" s="70" t="s">
        <v>49</v>
      </c>
    </row>
    <row r="40" spans="1:14" ht="19.5" hidden="1" customHeight="1" x14ac:dyDescent="0.15">
      <c r="A40" s="22">
        <v>35</v>
      </c>
      <c r="B40" s="23" t="s">
        <v>51</v>
      </c>
      <c r="C40" s="72" t="s">
        <v>49</v>
      </c>
      <c r="D40" s="71" t="s">
        <v>49</v>
      </c>
      <c r="E40" s="73" t="s">
        <v>49</v>
      </c>
      <c r="F40" s="71" t="s">
        <v>49</v>
      </c>
      <c r="G40" s="73"/>
      <c r="H40" s="74"/>
      <c r="I40" s="75"/>
      <c r="J40" s="75"/>
      <c r="K40" s="76"/>
      <c r="L40" s="75"/>
      <c r="M40" s="77" t="s">
        <v>50</v>
      </c>
      <c r="N40" s="78" t="s">
        <v>49</v>
      </c>
    </row>
    <row r="41" spans="1:14" ht="19.5" hidden="1" customHeight="1" x14ac:dyDescent="0.15">
      <c r="A41" s="22">
        <v>36</v>
      </c>
      <c r="B41" s="23" t="s">
        <v>52</v>
      </c>
      <c r="C41" s="72" t="s">
        <v>49</v>
      </c>
      <c r="D41" s="71" t="s">
        <v>49</v>
      </c>
      <c r="E41" s="73" t="s">
        <v>49</v>
      </c>
      <c r="F41" s="71" t="s">
        <v>49</v>
      </c>
      <c r="G41" s="73"/>
      <c r="H41" s="74"/>
      <c r="I41" s="75"/>
      <c r="J41" s="75"/>
      <c r="K41" s="76"/>
      <c r="L41" s="75"/>
      <c r="M41" s="77" t="s">
        <v>50</v>
      </c>
      <c r="N41" s="78" t="s">
        <v>49</v>
      </c>
    </row>
    <row r="42" spans="1:14" ht="19.5" hidden="1" customHeight="1" thickBot="1" x14ac:dyDescent="0.2">
      <c r="A42" s="35">
        <v>37</v>
      </c>
      <c r="B42" s="36" t="s">
        <v>53</v>
      </c>
      <c r="C42" s="80" t="s">
        <v>49</v>
      </c>
      <c r="D42" s="79" t="s">
        <v>49</v>
      </c>
      <c r="E42" s="81" t="s">
        <v>49</v>
      </c>
      <c r="F42" s="79" t="s">
        <v>49</v>
      </c>
      <c r="G42" s="81"/>
      <c r="H42" s="82"/>
      <c r="I42" s="83"/>
      <c r="J42" s="83"/>
      <c r="K42" s="84"/>
      <c r="L42" s="83"/>
      <c r="M42" s="85" t="s">
        <v>50</v>
      </c>
      <c r="N42" s="86" t="s">
        <v>49</v>
      </c>
    </row>
    <row r="43" spans="1:14" ht="19.5" customHeight="1" thickTop="1" x14ac:dyDescent="0.15">
      <c r="A43" s="22">
        <v>301</v>
      </c>
      <c r="B43" s="62" t="s">
        <v>54</v>
      </c>
      <c r="C43" s="88">
        <v>99.97</v>
      </c>
      <c r="D43" s="87">
        <v>5</v>
      </c>
      <c r="E43" s="89">
        <v>99.97</v>
      </c>
      <c r="F43" s="87">
        <v>5</v>
      </c>
      <c r="G43" s="89">
        <v>99.99</v>
      </c>
      <c r="H43" s="90">
        <v>5</v>
      </c>
      <c r="I43" s="91">
        <v>99.97</v>
      </c>
      <c r="J43" s="92">
        <v>5</v>
      </c>
      <c r="K43" s="93">
        <v>99.93</v>
      </c>
      <c r="L43" s="94">
        <v>5</v>
      </c>
      <c r="M43" s="95">
        <v>99.93</v>
      </c>
      <c r="N43" s="96">
        <v>5</v>
      </c>
    </row>
    <row r="44" spans="1:14" ht="19.5" customHeight="1" x14ac:dyDescent="0.15">
      <c r="A44" s="22">
        <v>302</v>
      </c>
      <c r="B44" s="23" t="s">
        <v>55</v>
      </c>
      <c r="C44" s="25">
        <v>99.95</v>
      </c>
      <c r="D44" s="24">
        <v>6</v>
      </c>
      <c r="E44" s="26">
        <v>99.94</v>
      </c>
      <c r="F44" s="24">
        <v>6</v>
      </c>
      <c r="G44" s="26">
        <v>99.92</v>
      </c>
      <c r="H44" s="27">
        <v>6</v>
      </c>
      <c r="I44" s="28">
        <v>99.94</v>
      </c>
      <c r="J44" s="29">
        <v>6</v>
      </c>
      <c r="K44" s="30">
        <v>99.92</v>
      </c>
      <c r="L44" s="31">
        <v>6</v>
      </c>
      <c r="M44" s="32">
        <v>99.93</v>
      </c>
      <c r="N44" s="33">
        <v>5</v>
      </c>
    </row>
    <row r="45" spans="1:14" ht="19.5" customHeight="1" x14ac:dyDescent="0.15">
      <c r="A45" s="22">
        <v>303</v>
      </c>
      <c r="B45" s="23" t="s">
        <v>56</v>
      </c>
      <c r="C45" s="25">
        <v>100</v>
      </c>
      <c r="D45" s="24">
        <v>1</v>
      </c>
      <c r="E45" s="26">
        <v>100</v>
      </c>
      <c r="F45" s="24">
        <v>1</v>
      </c>
      <c r="G45" s="26">
        <v>100</v>
      </c>
      <c r="H45" s="27">
        <v>1</v>
      </c>
      <c r="I45" s="28">
        <v>100</v>
      </c>
      <c r="J45" s="29">
        <v>1</v>
      </c>
      <c r="K45" s="30">
        <v>99.96</v>
      </c>
      <c r="L45" s="31">
        <v>4</v>
      </c>
      <c r="M45" s="32">
        <v>100</v>
      </c>
      <c r="N45" s="33">
        <v>1</v>
      </c>
    </row>
    <row r="46" spans="1:14" ht="19.5" customHeight="1" x14ac:dyDescent="0.15">
      <c r="A46" s="22">
        <v>304</v>
      </c>
      <c r="B46" s="23" t="s">
        <v>57</v>
      </c>
      <c r="C46" s="25">
        <v>100</v>
      </c>
      <c r="D46" s="24">
        <v>1</v>
      </c>
      <c r="E46" s="26">
        <v>100</v>
      </c>
      <c r="F46" s="24">
        <v>1</v>
      </c>
      <c r="G46" s="26">
        <v>100</v>
      </c>
      <c r="H46" s="27">
        <v>1</v>
      </c>
      <c r="I46" s="28">
        <v>99.99</v>
      </c>
      <c r="J46" s="29">
        <v>4</v>
      </c>
      <c r="K46" s="34">
        <v>100</v>
      </c>
      <c r="L46" s="31">
        <v>1</v>
      </c>
      <c r="M46" s="32">
        <v>100</v>
      </c>
      <c r="N46" s="33">
        <v>1</v>
      </c>
    </row>
    <row r="47" spans="1:14" ht="19.5" customHeight="1" x14ac:dyDescent="0.15">
      <c r="A47" s="22">
        <v>305</v>
      </c>
      <c r="B47" s="23" t="s">
        <v>58</v>
      </c>
      <c r="C47" s="25">
        <v>100</v>
      </c>
      <c r="D47" s="24">
        <v>1</v>
      </c>
      <c r="E47" s="26">
        <v>100</v>
      </c>
      <c r="F47" s="24">
        <v>1</v>
      </c>
      <c r="G47" s="26">
        <v>100</v>
      </c>
      <c r="H47" s="27">
        <v>1</v>
      </c>
      <c r="I47" s="28">
        <v>100</v>
      </c>
      <c r="J47" s="29">
        <v>1</v>
      </c>
      <c r="K47" s="34">
        <v>100</v>
      </c>
      <c r="L47" s="31">
        <v>1</v>
      </c>
      <c r="M47" s="32">
        <v>100</v>
      </c>
      <c r="N47" s="33">
        <v>1</v>
      </c>
    </row>
    <row r="48" spans="1:14" ht="19.5" customHeight="1" thickBot="1" x14ac:dyDescent="0.2">
      <c r="A48" s="35">
        <v>306</v>
      </c>
      <c r="B48" s="36" t="s">
        <v>59</v>
      </c>
      <c r="C48" s="38">
        <v>100</v>
      </c>
      <c r="D48" s="37">
        <v>1</v>
      </c>
      <c r="E48" s="39">
        <v>100</v>
      </c>
      <c r="F48" s="37">
        <v>1</v>
      </c>
      <c r="G48" s="39">
        <v>100</v>
      </c>
      <c r="H48" s="40">
        <v>1</v>
      </c>
      <c r="I48" s="41">
        <v>100</v>
      </c>
      <c r="J48" s="42">
        <v>1</v>
      </c>
      <c r="K48" s="43">
        <v>100</v>
      </c>
      <c r="L48" s="44">
        <v>1</v>
      </c>
      <c r="M48" s="45">
        <v>100</v>
      </c>
      <c r="N48" s="46">
        <v>1</v>
      </c>
    </row>
    <row r="49" spans="1:14" ht="19.5" customHeight="1" thickTop="1" thickBot="1" x14ac:dyDescent="0.2">
      <c r="A49" s="116" t="s">
        <v>60</v>
      </c>
      <c r="B49" s="117"/>
      <c r="C49" s="98">
        <v>88.63</v>
      </c>
      <c r="D49" s="97"/>
      <c r="E49" s="99">
        <v>89.47</v>
      </c>
      <c r="F49" s="97"/>
      <c r="G49" s="99">
        <v>90.65</v>
      </c>
      <c r="H49" s="100"/>
      <c r="I49" s="101">
        <v>91.44</v>
      </c>
      <c r="J49" s="42"/>
      <c r="K49" s="102">
        <v>92.4</v>
      </c>
      <c r="L49" s="103"/>
      <c r="M49" s="104">
        <v>92.76</v>
      </c>
      <c r="N49" s="46"/>
    </row>
    <row r="50" spans="1:14" ht="19.5" customHeight="1" thickTop="1" thickBot="1" x14ac:dyDescent="0.2">
      <c r="A50" s="116" t="s">
        <v>61</v>
      </c>
      <c r="B50" s="117"/>
      <c r="C50" s="38">
        <v>99.99</v>
      </c>
      <c r="D50" s="37"/>
      <c r="E50" s="39">
        <v>99.99</v>
      </c>
      <c r="F50" s="37"/>
      <c r="G50" s="39">
        <v>99.99</v>
      </c>
      <c r="H50" s="40"/>
      <c r="I50" s="41">
        <v>99.99</v>
      </c>
      <c r="J50" s="42"/>
      <c r="K50" s="61">
        <v>99.98</v>
      </c>
      <c r="L50" s="44"/>
      <c r="M50" s="45">
        <v>99.98</v>
      </c>
      <c r="N50" s="46"/>
    </row>
    <row r="51" spans="1:14" ht="19.5" customHeight="1" thickTop="1" thickBot="1" x14ac:dyDescent="0.2">
      <c r="A51" s="118" t="s">
        <v>62</v>
      </c>
      <c r="B51" s="119"/>
      <c r="C51" s="106">
        <v>89.7</v>
      </c>
      <c r="D51" s="105"/>
      <c r="E51" s="107">
        <v>90.46</v>
      </c>
      <c r="F51" s="105"/>
      <c r="G51" s="107">
        <v>91.51</v>
      </c>
      <c r="H51" s="108"/>
      <c r="I51" s="109">
        <v>92.23</v>
      </c>
      <c r="J51" s="110"/>
      <c r="K51" s="111">
        <v>93.15</v>
      </c>
      <c r="L51" s="112"/>
      <c r="M51" s="113">
        <v>93.49</v>
      </c>
      <c r="N51" s="114"/>
    </row>
    <row r="52" spans="1:14" x14ac:dyDescent="0.15">
      <c r="N52" s="115"/>
    </row>
    <row r="53" spans="1:14" x14ac:dyDescent="0.15">
      <c r="N53" s="115"/>
    </row>
    <row r="54" spans="1:14" x14ac:dyDescent="0.15">
      <c r="N54" s="115"/>
    </row>
    <row r="55" spans="1:14" x14ac:dyDescent="0.15">
      <c r="N55" s="115"/>
    </row>
    <row r="56" spans="1:14" x14ac:dyDescent="0.15">
      <c r="N56" s="115"/>
    </row>
    <row r="57" spans="1:14" x14ac:dyDescent="0.15">
      <c r="N57" s="115"/>
    </row>
    <row r="58" spans="1:14" x14ac:dyDescent="0.15">
      <c r="N58" s="115"/>
    </row>
    <row r="59" spans="1:14" x14ac:dyDescent="0.15">
      <c r="N59" s="115"/>
    </row>
    <row r="60" spans="1:14" x14ac:dyDescent="0.15">
      <c r="N60" s="115"/>
    </row>
    <row r="61" spans="1:14" x14ac:dyDescent="0.15">
      <c r="N61" s="115"/>
    </row>
    <row r="62" spans="1:14" x14ac:dyDescent="0.15">
      <c r="N62" s="115"/>
    </row>
    <row r="63" spans="1:14" x14ac:dyDescent="0.15">
      <c r="N63" s="115"/>
    </row>
    <row r="64" spans="1:14" x14ac:dyDescent="0.15">
      <c r="N64" s="115"/>
    </row>
    <row r="65" spans="14:14" x14ac:dyDescent="0.15">
      <c r="N65" s="115"/>
    </row>
    <row r="66" spans="14:14" x14ac:dyDescent="0.15">
      <c r="N66" s="115"/>
    </row>
    <row r="67" spans="14:14" x14ac:dyDescent="0.15">
      <c r="N67" s="115"/>
    </row>
    <row r="68" spans="14:14" x14ac:dyDescent="0.15">
      <c r="N68" s="115"/>
    </row>
    <row r="69" spans="14:14" x14ac:dyDescent="0.15">
      <c r="N69" s="115"/>
    </row>
    <row r="70" spans="14:14" x14ac:dyDescent="0.15">
      <c r="N70" s="115"/>
    </row>
    <row r="71" spans="14:14" x14ac:dyDescent="0.15">
      <c r="N71" s="115"/>
    </row>
    <row r="72" spans="14:14" x14ac:dyDescent="0.15">
      <c r="N72" s="115"/>
    </row>
    <row r="73" spans="14:14" x14ac:dyDescent="0.15">
      <c r="N73" s="115"/>
    </row>
    <row r="74" spans="14:14" x14ac:dyDescent="0.15">
      <c r="N74" s="115"/>
    </row>
    <row r="75" spans="14:14" x14ac:dyDescent="0.15">
      <c r="N75" s="115"/>
    </row>
    <row r="76" spans="14:14" x14ac:dyDescent="0.15">
      <c r="N76" s="115"/>
    </row>
    <row r="77" spans="14:14" x14ac:dyDescent="0.15">
      <c r="N77" s="115"/>
    </row>
    <row r="78" spans="14:14" x14ac:dyDescent="0.15">
      <c r="N78" s="115"/>
    </row>
    <row r="79" spans="14:14" x14ac:dyDescent="0.15">
      <c r="N79" s="115"/>
    </row>
  </sheetData>
  <mergeCells count="10">
    <mergeCell ref="K3:L3"/>
    <mergeCell ref="M3:N3"/>
    <mergeCell ref="C3:D3"/>
    <mergeCell ref="E3:F3"/>
    <mergeCell ref="A3:B5"/>
    <mergeCell ref="A49:B49"/>
    <mergeCell ref="A50:B50"/>
    <mergeCell ref="A51:B51"/>
    <mergeCell ref="G3:H3"/>
    <mergeCell ref="I3:J3"/>
  </mergeCells>
  <phoneticPr fontId="3"/>
  <printOptions horizontalCentered="1" gridLinesSet="0"/>
  <pageMargins left="0.7" right="0.7" top="0.75" bottom="0.75" header="0.3" footer="0.3"/>
  <pageSetup paperSize="9" scale="90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（現年）</vt:lpstr>
      <vt:lpstr>'収納率（現年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38:52Z</cp:lastPrinted>
  <dcterms:created xsi:type="dcterms:W3CDTF">2018-03-07T07:13:02Z</dcterms:created>
  <dcterms:modified xsi:type="dcterms:W3CDTF">2018-03-09T00:40:57Z</dcterms:modified>
</cp:coreProperties>
</file>